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7-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7-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assenaa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EB4190B8-EE2B-B704-5715-864F26161DB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1455" y="5399391"/>
            <a:ext cx="2189134" cy="126969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D69715F9-6479-A187-45F2-04D5B9A75A4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0730" y="4106245"/>
            <a:ext cx="2189134" cy="126969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1-27T15:22:51Z</dcterms:modified>
</cp:coreProperties>
</file>